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99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8-5-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8-5-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amsterdam/"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DC1B5AD2-C92D-8E85-D8B3-FD1A5D42F705}"/>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88462" y="4836301"/>
            <a:ext cx="1539341" cy="1551656"/>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BBDA782E-36EB-182D-88DD-7310F82343FD}"/>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21298" y="3866277"/>
            <a:ext cx="1539341" cy="1551656"/>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2</cp:revision>
  <dcterms:created xsi:type="dcterms:W3CDTF">2019-07-30T10:24:44Z</dcterms:created>
  <dcterms:modified xsi:type="dcterms:W3CDTF">2024-05-28T07:11:37Z</dcterms:modified>
</cp:coreProperties>
</file>